
<file path=[Content_Types].xml><?xml version="1.0" encoding="utf-8"?>
<Types xmlns="http://schemas.openxmlformats.org/package/2006/content-types">
  <Default Extension="bin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media/image2.bin" ContentType="image/x-emf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56" r:id="rId5"/>
    <p:sldId id="257" r:id="rId6"/>
    <p:sldId id="258" r:id="rId7"/>
    <p:sldId id="259" r:id="rId8"/>
    <p:sldId id="260" r:id="rId9"/>
    <p:sldId id="261" r:id="rId10"/>
    <p:sldId id="262" r:id="rId11"/>
    <p:sldId id="263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94662" autoAdjust="0"/>
  </p:normalViewPr>
  <p:slideViewPr>
    <p:cSldViewPr snapToGrid="0" showGuides="1">
      <p:cViewPr varScale="1">
        <p:scale>
          <a:sx n="59" d="100"/>
          <a:sy n="59" d="100"/>
        </p:scale>
        <p:origin x="888" y="32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5/09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.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Institut for Statskundskab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Statskundskab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Institut for Statskundskab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Institut for Statskundskab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Institut for Statskundskab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Institut for Statskundskab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Institut for Statskundskab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stitut for Statskundskab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Institut for Statskundskab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titut for Statskundskab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Navn</a:t>
            </a:r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o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orskningsgruppen for Offentlig Forvaltning, Velfærd og Poli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Navn</a:t>
            </a:r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Dato</a:t>
            </a:r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orskningsgruppen for Offentlig Forvaltning, Velfærd og Poli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EEFE2B0-D7D6-E936-26BC-AC08D65BCA7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95992" y="6256742"/>
            <a:ext cx="2791215" cy="29531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.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Forskningsgruppen for Offentlig Forvaltning, Velfærd og Politik</a:t>
            </a:r>
          </a:p>
          <a:p>
            <a:endParaRPr lang="en-GB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.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3268436" y="6228305"/>
            <a:ext cx="3341250" cy="352190"/>
          </a:xfrm>
        </p:spPr>
        <p:txBody>
          <a:bodyPr/>
          <a:lstStyle/>
          <a:p>
            <a:r>
              <a:rPr lang="en-GB" dirty="0"/>
              <a:t> Forskningsgruppen for Offentlig Forvaltning, Velfærd og Poli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.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6961256" y="6288607"/>
            <a:ext cx="3340800" cy="352190"/>
          </a:xfrm>
        </p:spPr>
        <p:txBody>
          <a:bodyPr/>
          <a:lstStyle/>
          <a:p>
            <a:r>
              <a:rPr lang="da-DK" dirty="0"/>
              <a:t>Forskningsgruppen for Offentlig Forvaltning, Velfærd og Politik</a:t>
            </a:r>
          </a:p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.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7021553" y="6288607"/>
            <a:ext cx="3340800" cy="352190"/>
          </a:xfrm>
        </p:spPr>
        <p:txBody>
          <a:bodyPr/>
          <a:lstStyle/>
          <a:p>
            <a:r>
              <a:rPr lang="da-DK" dirty="0"/>
              <a:t>Forskningsgruppen for Offentlig Forvaltning, Velfærd og Politik</a:t>
            </a:r>
          </a:p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-09-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2AB7355-A6AB-4AD1-913C-AE6223B7D156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44EF6FA9-78CF-45BA-94D0-A1B2CEC1DB6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7476BD5-D0A7-4DD3-8328-1DBB3BA213C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47ec60-a47f-46bc-b186-fb66520944e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6</Words>
  <Application>Microsoft Office PowerPoint</Application>
  <PresentationFormat>Widescreen</PresentationFormat>
  <Paragraphs>31</Paragraphs>
  <Slides>8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0" baseType="lpstr">
      <vt:lpstr>Arial</vt:lpstr>
      <vt:lpstr>SDU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9-15T11:31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40993671057</vt:lpwstr>
  </property>
  <property fmtid="{D5CDD505-2E9C-101B-9397-08002B2CF9AE}" pid="6" name="ContentTypeId">
    <vt:lpwstr>0x010100A0DBBFDE404BD84E89523A9B3885119C</vt:lpwstr>
  </property>
</Properties>
</file>